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teenwijker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782C7482-4E1F-9279-7364-2A5B217A731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8048" y="5003340"/>
            <a:ext cx="2732281" cy="16557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B74F86FD-DD7B-EBB5-DDD7-036B2E4FC91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10677" y="4244552"/>
            <a:ext cx="1637209" cy="99214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4-08T12:40:13Z</dcterms:modified>
</cp:coreProperties>
</file>